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D:\s3\publikasi\PDD Dikti tahun 1\revisi 3\resubmit\"/>
    </mc:Choice>
  </mc:AlternateContent>
  <bookViews>
    <workbookView xWindow="0" yWindow="0" windowWidth="19110" windowHeight="6480"/>
  </bookViews>
  <sheets>
    <sheet name="Supplementary Material 1 FAR an" sheetId="1" r:id="rId1"/>
  </sheets>
  <calcPr calcId="152511"/>
</workbook>
</file>

<file path=xl/sharedStrings.xml><?xml version="1.0" encoding="utf-8"?>
<sst xmlns="http://schemas.openxmlformats.org/spreadsheetml/2006/main" count="65" uniqueCount="27">
  <si>
    <t>Location</t>
  </si>
  <si>
    <t>Acquisition</t>
  </si>
  <si>
    <t xml:space="preserve"> </t>
  </si>
  <si>
    <t>*data smoothing conducted using exponential method with a damping factor of 0.7</t>
  </si>
  <si>
    <t>Core</t>
  </si>
  <si>
    <t>Age (ka BP)</t>
  </si>
  <si>
    <t>DBD (g/cm3)</t>
  </si>
  <si>
    <t>Sedimentation rate (cm/ka)</t>
  </si>
  <si>
    <t xml:space="preserve">Arbulk (g/cm2 × ka) </t>
  </si>
  <si>
    <t>FAR (specimens/10cm2/ka)</t>
  </si>
  <si>
    <t>BFAR (specimens/10cm2/ka)</t>
  </si>
  <si>
    <t>ST10</t>
  </si>
  <si>
    <t>August 2016</t>
  </si>
  <si>
    <t>Longitude (⁰E)</t>
  </si>
  <si>
    <t>Latitude (⁰S)</t>
  </si>
  <si>
    <t>Total foraminifera (specimens/g)</t>
  </si>
  <si>
    <t>Total benthic foraminifera (specimens/g)</t>
  </si>
  <si>
    <t xml:space="preserve">Length (studied) (cm) </t>
  </si>
  <si>
    <r>
      <t>FAR (spesimen 10</t>
    </r>
    <r>
      <rPr>
        <vertAlign val="superscript"/>
        <sz val="11"/>
        <color theme="1"/>
        <rFont val="Times New Roman"/>
        <family val="1"/>
      </rPr>
      <t>3</t>
    </r>
    <r>
      <rPr>
        <sz val="11"/>
        <color theme="1"/>
        <rFont val="Times New Roman"/>
        <family val="1"/>
      </rPr>
      <t>/cm</t>
    </r>
    <r>
      <rPr>
        <vertAlign val="superscript"/>
        <sz val="11"/>
        <color theme="1"/>
        <rFont val="Times New Roman"/>
        <family val="1"/>
      </rPr>
      <t>2</t>
    </r>
    <r>
      <rPr>
        <sz val="11"/>
        <color theme="1"/>
        <rFont val="Times New Roman"/>
        <family val="1"/>
      </rPr>
      <t>/ribu tahun)</t>
    </r>
  </si>
  <si>
    <r>
      <t>FAR smoothing (spesimen 10</t>
    </r>
    <r>
      <rPr>
        <vertAlign val="superscript"/>
        <sz val="11"/>
        <color theme="1"/>
        <rFont val="Times New Roman"/>
        <family val="1"/>
      </rPr>
      <t>3</t>
    </r>
    <r>
      <rPr>
        <sz val="11"/>
        <color theme="1"/>
        <rFont val="Times New Roman"/>
        <family val="1"/>
      </rPr>
      <t>/cm</t>
    </r>
    <r>
      <rPr>
        <vertAlign val="superscript"/>
        <sz val="11"/>
        <color theme="1"/>
        <rFont val="Times New Roman"/>
        <family val="1"/>
      </rPr>
      <t>2</t>
    </r>
    <r>
      <rPr>
        <sz val="11"/>
        <color theme="1"/>
        <rFont val="Times New Roman"/>
        <family val="1"/>
      </rPr>
      <t>/ribu tahun)</t>
    </r>
  </si>
  <si>
    <r>
      <t>BFAR (spesimen 10</t>
    </r>
    <r>
      <rPr>
        <vertAlign val="superscript"/>
        <sz val="11"/>
        <color theme="1"/>
        <rFont val="Times New Roman"/>
        <family val="1"/>
      </rPr>
      <t>3</t>
    </r>
    <r>
      <rPr>
        <sz val="11"/>
        <color theme="1"/>
        <rFont val="Times New Roman"/>
        <family val="1"/>
      </rPr>
      <t>/cm</t>
    </r>
    <r>
      <rPr>
        <vertAlign val="superscript"/>
        <sz val="11"/>
        <color theme="1"/>
        <rFont val="Times New Roman"/>
        <family val="1"/>
      </rPr>
      <t>2</t>
    </r>
    <r>
      <rPr>
        <sz val="11"/>
        <color theme="1"/>
        <rFont val="Times New Roman"/>
        <family val="1"/>
      </rPr>
      <t>/ribu tahun)</t>
    </r>
  </si>
  <si>
    <r>
      <t>BFAR smoothing (spesimen 10</t>
    </r>
    <r>
      <rPr>
        <vertAlign val="superscript"/>
        <sz val="11"/>
        <color theme="1"/>
        <rFont val="Times New Roman"/>
        <family val="1"/>
      </rPr>
      <t>3</t>
    </r>
    <r>
      <rPr>
        <sz val="11"/>
        <color theme="1"/>
        <rFont val="Times New Roman"/>
        <family val="1"/>
      </rPr>
      <t>/cm</t>
    </r>
    <r>
      <rPr>
        <vertAlign val="superscript"/>
        <sz val="11"/>
        <color theme="1"/>
        <rFont val="Times New Roman"/>
        <family val="1"/>
      </rPr>
      <t>2</t>
    </r>
    <r>
      <rPr>
        <sz val="11"/>
        <color theme="1"/>
        <rFont val="Times New Roman"/>
        <family val="1"/>
      </rPr>
      <t>/ribu tahun)</t>
    </r>
  </si>
  <si>
    <t>Top Depth (cm)</t>
  </si>
  <si>
    <t>Bottom Depth (cm)</t>
  </si>
  <si>
    <t>Length (total) (cm)</t>
  </si>
  <si>
    <t>off South Sumba, western Savu Strait</t>
  </si>
  <si>
    <t>Foraminiferal Accumulation Rate and Benthic Foraminiferal Accumulation Rate of gravity core ST1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0.000"/>
  </numFmts>
  <fonts count="21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rgb="FF000000"/>
      <name val="Times New Roman"/>
      <family val="1"/>
    </font>
    <font>
      <sz val="11"/>
      <color theme="1"/>
      <name val="Times New Roman"/>
      <family val="1"/>
    </font>
    <font>
      <vertAlign val="superscript"/>
      <sz val="11"/>
      <color theme="1"/>
      <name val="Times New Roman"/>
      <family val="1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20">
    <xf numFmtId="0" fontId="0" fillId="0" borderId="0" xfId="0"/>
    <xf numFmtId="0" fontId="18" fillId="0" borderId="0" xfId="0" applyFont="1" applyBorder="1" applyAlignment="1">
      <alignment vertical="center"/>
    </xf>
    <xf numFmtId="0" fontId="18" fillId="0" borderId="0" xfId="0" applyFont="1" applyBorder="1"/>
    <xf numFmtId="0" fontId="19" fillId="0" borderId="10" xfId="0" applyFont="1" applyBorder="1"/>
    <xf numFmtId="164" fontId="19" fillId="0" borderId="10" xfId="0" applyNumberFormat="1" applyFont="1" applyBorder="1"/>
    <xf numFmtId="1" fontId="19" fillId="0" borderId="10" xfId="0" applyNumberFormat="1" applyFont="1" applyBorder="1"/>
    <xf numFmtId="0" fontId="19" fillId="0" borderId="0" xfId="0" applyFont="1"/>
    <xf numFmtId="0" fontId="19" fillId="0" borderId="10" xfId="0" applyFont="1" applyBorder="1" applyAlignment="1">
      <alignment horizontal="center" textRotation="90" wrapText="1"/>
    </xf>
    <xf numFmtId="164" fontId="0" fillId="0" borderId="0" xfId="0" applyNumberFormat="1"/>
    <xf numFmtId="0" fontId="19" fillId="0" borderId="10" xfId="0" applyFont="1" applyFill="1" applyBorder="1"/>
    <xf numFmtId="0" fontId="19" fillId="0" borderId="11" xfId="0" applyFont="1" applyBorder="1" applyAlignment="1">
      <alignment horizontal="center"/>
    </xf>
    <xf numFmtId="0" fontId="19" fillId="0" borderId="12" xfId="0" applyFont="1" applyBorder="1" applyAlignment="1">
      <alignment horizontal="center"/>
    </xf>
    <xf numFmtId="0" fontId="19" fillId="0" borderId="13" xfId="0" applyFont="1" applyBorder="1" applyAlignment="1">
      <alignment horizontal="center"/>
    </xf>
    <xf numFmtId="0" fontId="19" fillId="0" borderId="11" xfId="0" applyFont="1" applyBorder="1" applyAlignment="1">
      <alignment horizontal="center" vertical="center" wrapText="1"/>
    </xf>
    <xf numFmtId="0" fontId="19" fillId="0" borderId="13" xfId="0" applyFont="1" applyBorder="1" applyAlignment="1">
      <alignment horizontal="center" vertical="center" wrapText="1"/>
    </xf>
    <xf numFmtId="17" fontId="19" fillId="0" borderId="11" xfId="0" quotePrefix="1" applyNumberFormat="1" applyFont="1" applyBorder="1" applyAlignment="1">
      <alignment horizontal="center"/>
    </xf>
    <xf numFmtId="17" fontId="19" fillId="0" borderId="13" xfId="0" quotePrefix="1" applyNumberFormat="1" applyFont="1" applyBorder="1" applyAlignment="1">
      <alignment horizontal="center"/>
    </xf>
    <xf numFmtId="0" fontId="19" fillId="0" borderId="11" xfId="0" applyFont="1" applyBorder="1" applyAlignment="1">
      <alignment horizontal="center" vertical="center"/>
    </xf>
    <xf numFmtId="0" fontId="19" fillId="0" borderId="12" xfId="0" applyFont="1" applyBorder="1" applyAlignment="1">
      <alignment horizontal="center" vertical="center"/>
    </xf>
    <xf numFmtId="0" fontId="19" fillId="0" borderId="13" xfId="0" applyFont="1" applyBorder="1" applyAlignment="1">
      <alignment horizontal="center" vertical="center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81"/>
  <sheetViews>
    <sheetView tabSelected="1" topLeftCell="A7" workbookViewId="0">
      <selection activeCell="D13" sqref="D13:D51"/>
    </sheetView>
  </sheetViews>
  <sheetFormatPr defaultRowHeight="15" x14ac:dyDescent="0.25"/>
  <cols>
    <col min="1" max="1" width="9.140625" customWidth="1"/>
    <col min="4" max="7" width="9.28515625" bestFit="1" customWidth="1"/>
    <col min="8" max="8" width="9.5703125" bestFit="1" customWidth="1"/>
    <col min="9" max="9" width="9.28515625" bestFit="1" customWidth="1"/>
    <col min="10" max="10" width="9.5703125" bestFit="1" customWidth="1"/>
    <col min="11" max="15" width="9.28515625" bestFit="1" customWidth="1"/>
  </cols>
  <sheetData>
    <row r="1" spans="1:15" x14ac:dyDescent="0.25">
      <c r="A1" s="6" t="s">
        <v>26</v>
      </c>
    </row>
    <row r="3" spans="1:15" ht="39" customHeight="1" x14ac:dyDescent="0.25">
      <c r="A3" s="17" t="s">
        <v>0</v>
      </c>
      <c r="B3" s="18"/>
      <c r="C3" s="19"/>
      <c r="D3" s="13" t="s">
        <v>25</v>
      </c>
      <c r="E3" s="14"/>
    </row>
    <row r="4" spans="1:15" x14ac:dyDescent="0.25">
      <c r="A4" s="10" t="s">
        <v>13</v>
      </c>
      <c r="B4" s="11"/>
      <c r="C4" s="12"/>
      <c r="D4" s="10">
        <v>119.88500000000001</v>
      </c>
      <c r="E4" s="12"/>
      <c r="F4" s="1"/>
    </row>
    <row r="5" spans="1:15" x14ac:dyDescent="0.25">
      <c r="A5" s="10" t="s">
        <v>14</v>
      </c>
      <c r="B5" s="11"/>
      <c r="C5" s="12"/>
      <c r="D5" s="10">
        <v>10.491</v>
      </c>
      <c r="E5" s="12"/>
      <c r="F5" s="2"/>
    </row>
    <row r="6" spans="1:15" x14ac:dyDescent="0.25">
      <c r="A6" s="10" t="s">
        <v>24</v>
      </c>
      <c r="B6" s="11"/>
      <c r="C6" s="12"/>
      <c r="D6" s="10">
        <v>137</v>
      </c>
      <c r="E6" s="12"/>
      <c r="F6" s="2"/>
    </row>
    <row r="7" spans="1:15" x14ac:dyDescent="0.25">
      <c r="A7" s="10" t="s">
        <v>17</v>
      </c>
      <c r="B7" s="11"/>
      <c r="C7" s="12"/>
      <c r="D7" s="10">
        <v>77</v>
      </c>
      <c r="E7" s="12"/>
    </row>
    <row r="8" spans="1:15" x14ac:dyDescent="0.25">
      <c r="A8" s="10" t="s">
        <v>1</v>
      </c>
      <c r="B8" s="11"/>
      <c r="C8" s="12"/>
      <c r="D8" s="15" t="s">
        <v>12</v>
      </c>
      <c r="E8" s="16"/>
    </row>
    <row r="9" spans="1:15" x14ac:dyDescent="0.25">
      <c r="A9" t="s">
        <v>2</v>
      </c>
    </row>
    <row r="10" spans="1:15" x14ac:dyDescent="0.25">
      <c r="A10" s="6" t="s">
        <v>3</v>
      </c>
    </row>
    <row r="12" spans="1:15" ht="115.5" customHeight="1" x14ac:dyDescent="0.25">
      <c r="A12" s="7" t="s">
        <v>4</v>
      </c>
      <c r="B12" s="7" t="s">
        <v>22</v>
      </c>
      <c r="C12" s="7" t="s">
        <v>23</v>
      </c>
      <c r="D12" s="7" t="s">
        <v>5</v>
      </c>
      <c r="E12" s="7" t="s">
        <v>6</v>
      </c>
      <c r="F12" s="7" t="s">
        <v>7</v>
      </c>
      <c r="G12" s="7" t="s">
        <v>8</v>
      </c>
      <c r="H12" s="7" t="s">
        <v>15</v>
      </c>
      <c r="I12" s="7" t="s">
        <v>16</v>
      </c>
      <c r="J12" s="7" t="s">
        <v>9</v>
      </c>
      <c r="K12" s="7" t="s">
        <v>18</v>
      </c>
      <c r="L12" s="7" t="s">
        <v>19</v>
      </c>
      <c r="M12" s="7" t="s">
        <v>10</v>
      </c>
      <c r="N12" s="7" t="s">
        <v>20</v>
      </c>
      <c r="O12" s="7" t="s">
        <v>21</v>
      </c>
    </row>
    <row r="13" spans="1:15" x14ac:dyDescent="0.25">
      <c r="A13" s="3" t="s">
        <v>11</v>
      </c>
      <c r="B13" s="3">
        <v>0</v>
      </c>
      <c r="C13" s="3">
        <v>1</v>
      </c>
      <c r="D13" s="4">
        <v>-6.6000000000000003E-2</v>
      </c>
      <c r="E13" s="4">
        <v>0.71735668789808904</v>
      </c>
      <c r="F13" s="4">
        <v>2.7624309392265194</v>
      </c>
      <c r="G13" s="4">
        <v>1.9816483091107433</v>
      </c>
      <c r="H13" s="5">
        <v>6786.4486326681463</v>
      </c>
      <c r="I13" s="5">
        <v>294.16555801921652</v>
      </c>
      <c r="J13" s="5">
        <v>13448.35445779375</v>
      </c>
      <c r="K13" s="4">
        <v>13.44835445779375</v>
      </c>
      <c r="L13" s="4">
        <v>13.44835445779375</v>
      </c>
      <c r="M13" s="5">
        <v>582.93268064739868</v>
      </c>
      <c r="N13" s="4">
        <v>0.58293268064739867</v>
      </c>
      <c r="O13" s="4">
        <v>0.58293268064739867</v>
      </c>
    </row>
    <row r="14" spans="1:15" x14ac:dyDescent="0.25">
      <c r="A14" s="3" t="s">
        <v>11</v>
      </c>
      <c r="B14" s="3">
        <v>2</v>
      </c>
      <c r="C14" s="3">
        <v>3</v>
      </c>
      <c r="D14" s="4">
        <v>0.78700000000000003</v>
      </c>
      <c r="E14" s="4">
        <v>0.77813333333333334</v>
      </c>
      <c r="F14" s="4">
        <v>2.7624309392265194</v>
      </c>
      <c r="G14" s="4">
        <v>2.1495395948434624</v>
      </c>
      <c r="H14" s="5">
        <v>18010.035949390527</v>
      </c>
      <c r="I14" s="5">
        <v>1005.8209145791409</v>
      </c>
      <c r="J14" s="5">
        <v>38713.285377769105</v>
      </c>
      <c r="K14" s="4">
        <v>38.713285377769104</v>
      </c>
      <c r="L14" s="4">
        <v>21.027833733786355</v>
      </c>
      <c r="M14" s="5">
        <v>2162.0518812095274</v>
      </c>
      <c r="N14" s="4">
        <v>2.1620518812095275</v>
      </c>
      <c r="O14" s="4">
        <v>1.0566684408160374</v>
      </c>
    </row>
    <row r="15" spans="1:15" x14ac:dyDescent="0.25">
      <c r="A15" s="3" t="s">
        <v>11</v>
      </c>
      <c r="B15" s="3">
        <v>4</v>
      </c>
      <c r="C15" s="3">
        <v>5</v>
      </c>
      <c r="D15" s="4">
        <v>1.6080000000000001</v>
      </c>
      <c r="E15" s="4">
        <v>0.7112666666666666</v>
      </c>
      <c r="F15" s="4">
        <v>2.7624309392265194</v>
      </c>
      <c r="G15" s="4">
        <v>1.9648250460405154</v>
      </c>
      <c r="H15" s="5">
        <v>16552.515085062179</v>
      </c>
      <c r="I15" s="5">
        <v>520.57053456390838</v>
      </c>
      <c r="J15" s="5">
        <v>32522.796214093622</v>
      </c>
      <c r="K15" s="4">
        <v>32.522796214093624</v>
      </c>
      <c r="L15" s="4">
        <v>24.476322477878533</v>
      </c>
      <c r="M15" s="5">
        <v>1022.830024541867</v>
      </c>
      <c r="N15" s="4">
        <v>1.0228300245418671</v>
      </c>
      <c r="O15" s="4">
        <v>1.0465169159337862</v>
      </c>
    </row>
    <row r="16" spans="1:15" x14ac:dyDescent="0.25">
      <c r="A16" s="3" t="s">
        <v>11</v>
      </c>
      <c r="B16" s="3">
        <v>6</v>
      </c>
      <c r="C16" s="3">
        <v>7</v>
      </c>
      <c r="D16" s="4">
        <v>2.4089999999999998</v>
      </c>
      <c r="E16" s="4">
        <v>0.69286666666666663</v>
      </c>
      <c r="F16" s="4">
        <v>2.7624309392265194</v>
      </c>
      <c r="G16" s="4">
        <v>1.9139963167587477</v>
      </c>
      <c r="H16" s="5">
        <v>23117.656629298112</v>
      </c>
      <c r="I16" s="5">
        <v>1100.0481163403324</v>
      </c>
      <c r="J16" s="5">
        <v>44247.10964057003</v>
      </c>
      <c r="K16" s="4">
        <v>44.247109640570031</v>
      </c>
      <c r="L16" s="4">
        <v>30.407558626685983</v>
      </c>
      <c r="M16" s="5">
        <v>2105.4880429327945</v>
      </c>
      <c r="N16" s="4">
        <v>2.1054880429327945</v>
      </c>
      <c r="O16" s="4">
        <v>1.3642082540334886</v>
      </c>
    </row>
    <row r="17" spans="1:15" x14ac:dyDescent="0.25">
      <c r="A17" s="3" t="s">
        <v>11</v>
      </c>
      <c r="B17" s="3">
        <v>8</v>
      </c>
      <c r="C17" s="3">
        <v>9</v>
      </c>
      <c r="D17" s="4">
        <v>3.2080000000000002</v>
      </c>
      <c r="E17" s="4">
        <v>0.70039196472317489</v>
      </c>
      <c r="F17" s="4">
        <v>2.7624309392265194</v>
      </c>
      <c r="G17" s="4">
        <v>1.9347844329369472</v>
      </c>
      <c r="H17" s="5">
        <v>12827.879709204195</v>
      </c>
      <c r="I17" s="5">
        <v>483.80566013241582</v>
      </c>
      <c r="J17" s="5">
        <v>24819.181968956011</v>
      </c>
      <c r="K17" s="4">
        <v>24.819181968956009</v>
      </c>
      <c r="L17" s="4">
        <v>28.731045629366989</v>
      </c>
      <c r="M17" s="5">
        <v>936.05965979098153</v>
      </c>
      <c r="N17" s="4">
        <v>0.93605965979098149</v>
      </c>
      <c r="O17" s="4">
        <v>1.2357636757607364</v>
      </c>
    </row>
    <row r="18" spans="1:15" x14ac:dyDescent="0.25">
      <c r="A18" s="3" t="s">
        <v>11</v>
      </c>
      <c r="B18" s="3">
        <v>10</v>
      </c>
      <c r="C18" s="3">
        <v>11</v>
      </c>
      <c r="D18" s="4">
        <v>4.0279999999999996</v>
      </c>
      <c r="E18" s="4">
        <v>0.71299999999999997</v>
      </c>
      <c r="F18" s="4">
        <v>2.5974025974025974</v>
      </c>
      <c r="G18" s="4">
        <v>1.8519480519480518</v>
      </c>
      <c r="H18" s="5">
        <v>22858.442576445737</v>
      </c>
      <c r="I18" s="5">
        <v>814.75253199912549</v>
      </c>
      <c r="J18" s="5">
        <v>42332.648200015086</v>
      </c>
      <c r="K18" s="4">
        <v>42.332648200015086</v>
      </c>
      <c r="L18" s="4">
        <v>32.811526400561419</v>
      </c>
      <c r="M18" s="5">
        <v>1508.8793644555233</v>
      </c>
      <c r="N18" s="4">
        <v>1.5088793644555232</v>
      </c>
      <c r="O18" s="4">
        <v>1.3176983823691724</v>
      </c>
    </row>
    <row r="19" spans="1:15" x14ac:dyDescent="0.25">
      <c r="A19" s="3" t="s">
        <v>11</v>
      </c>
      <c r="B19" s="3">
        <v>12</v>
      </c>
      <c r="C19" s="3">
        <v>13</v>
      </c>
      <c r="D19" s="4">
        <v>4.8019999999999996</v>
      </c>
      <c r="E19" s="4">
        <v>0.7416666666666667</v>
      </c>
      <c r="F19" s="4">
        <v>2.5974025974025974</v>
      </c>
      <c r="G19" s="4">
        <v>1.9264069264069266</v>
      </c>
      <c r="H19" s="5">
        <v>15269.085628350993</v>
      </c>
      <c r="I19" s="5">
        <v>454.20334771805932</v>
      </c>
      <c r="J19" s="5">
        <v>29414.472314355811</v>
      </c>
      <c r="K19" s="4">
        <v>29.414472314355812</v>
      </c>
      <c r="L19" s="4">
        <v>31.792410174699739</v>
      </c>
      <c r="M19" s="5">
        <v>874.98047504128317</v>
      </c>
      <c r="N19" s="4">
        <v>0.87498047504128318</v>
      </c>
      <c r="O19" s="4">
        <v>1.1848830101708054</v>
      </c>
    </row>
    <row r="20" spans="1:15" x14ac:dyDescent="0.25">
      <c r="A20" s="3" t="s">
        <v>11</v>
      </c>
      <c r="B20" s="3">
        <v>14</v>
      </c>
      <c r="C20" s="3">
        <v>15</v>
      </c>
      <c r="D20" s="4">
        <v>5.6050000000000004</v>
      </c>
      <c r="E20" s="4">
        <v>0.74800000000000011</v>
      </c>
      <c r="F20" s="4">
        <v>2.5974025974025974</v>
      </c>
      <c r="G20" s="4">
        <v>1.9428571428571431</v>
      </c>
      <c r="H20" s="5">
        <v>28323.34820113832</v>
      </c>
      <c r="I20" s="5">
        <v>1327.6680591091849</v>
      </c>
      <c r="J20" s="5">
        <v>55028.219362211603</v>
      </c>
      <c r="K20" s="4">
        <v>55.028219362211601</v>
      </c>
      <c r="L20" s="4">
        <v>38.763152930953297</v>
      </c>
      <c r="M20" s="5">
        <v>2579.4693719835595</v>
      </c>
      <c r="N20" s="4">
        <v>2.5794693719835595</v>
      </c>
      <c r="O20" s="4">
        <v>1.6032589187146316</v>
      </c>
    </row>
    <row r="21" spans="1:15" x14ac:dyDescent="0.25">
      <c r="A21" s="3" t="s">
        <v>11</v>
      </c>
      <c r="B21" s="3">
        <v>16</v>
      </c>
      <c r="C21" s="3">
        <v>17</v>
      </c>
      <c r="D21" s="4">
        <v>6.4480000000000004</v>
      </c>
      <c r="E21" s="4">
        <v>0.7420382165605095</v>
      </c>
      <c r="F21" s="4">
        <v>2.5906735751295336</v>
      </c>
      <c r="G21" s="4">
        <v>1.9223787993795582</v>
      </c>
      <c r="H21" s="5">
        <v>12614.206890611549</v>
      </c>
      <c r="I21" s="5">
        <v>976.77950043066346</v>
      </c>
      <c r="J21" s="5">
        <v>24249.283897499179</v>
      </c>
      <c r="K21" s="4">
        <v>24.249283897499179</v>
      </c>
      <c r="L21" s="4">
        <v>34.408992220917057</v>
      </c>
      <c r="M21" s="5">
        <v>1877.7402032964635</v>
      </c>
      <c r="N21" s="4">
        <v>1.8777402032964634</v>
      </c>
      <c r="O21" s="4">
        <v>1.6856033040891809</v>
      </c>
    </row>
    <row r="22" spans="1:15" x14ac:dyDescent="0.25">
      <c r="A22" s="3" t="s">
        <v>11</v>
      </c>
      <c r="B22" s="3">
        <v>18</v>
      </c>
      <c r="C22" s="3">
        <v>19</v>
      </c>
      <c r="D22" s="4">
        <v>7.3150000000000004</v>
      </c>
      <c r="E22" s="4">
        <v>0.72953333333333337</v>
      </c>
      <c r="F22" s="4">
        <v>2.5974025974025974</v>
      </c>
      <c r="G22" s="4">
        <v>1.8948917748917751</v>
      </c>
      <c r="H22" s="5">
        <v>13412.015966352034</v>
      </c>
      <c r="I22" s="5">
        <v>689.68465804164885</v>
      </c>
      <c r="J22" s="5">
        <v>25414.31873935763</v>
      </c>
      <c r="K22" s="4">
        <v>25.414318739357629</v>
      </c>
      <c r="L22" s="4">
        <v>31.710590176449227</v>
      </c>
      <c r="M22" s="5">
        <v>1306.8777857921668</v>
      </c>
      <c r="N22" s="4">
        <v>1.3068777857921667</v>
      </c>
      <c r="O22" s="4">
        <v>1.5719856486000765</v>
      </c>
    </row>
    <row r="23" spans="1:15" x14ac:dyDescent="0.25">
      <c r="A23" s="3" t="s">
        <v>11</v>
      </c>
      <c r="B23" s="3">
        <v>20</v>
      </c>
      <c r="C23" s="3">
        <v>21</v>
      </c>
      <c r="D23" s="4">
        <v>8.1649999999999991</v>
      </c>
      <c r="E23" s="4">
        <v>0.72099999999999997</v>
      </c>
      <c r="F23" s="4">
        <v>2.4875621890547261</v>
      </c>
      <c r="G23" s="4">
        <v>1.7935323383084576</v>
      </c>
      <c r="H23" s="5">
        <v>11365.320934780468</v>
      </c>
      <c r="I23" s="5">
        <v>756.95335875623357</v>
      </c>
      <c r="J23" s="5">
        <v>20384.070631782877</v>
      </c>
      <c r="K23" s="4">
        <v>20.384070631782876</v>
      </c>
      <c r="L23" s="4">
        <v>28.312634313049323</v>
      </c>
      <c r="M23" s="5">
        <v>1357.6203275205085</v>
      </c>
      <c r="N23" s="4">
        <v>1.3576203275205085</v>
      </c>
      <c r="O23" s="4">
        <v>1.507676052276206</v>
      </c>
    </row>
    <row r="24" spans="1:15" x14ac:dyDescent="0.25">
      <c r="A24" s="3" t="s">
        <v>11</v>
      </c>
      <c r="B24" s="3">
        <v>22</v>
      </c>
      <c r="C24" s="3">
        <v>23</v>
      </c>
      <c r="D24" s="4">
        <v>8.9760000000000009</v>
      </c>
      <c r="E24" s="4">
        <v>0.67877333333333334</v>
      </c>
      <c r="F24" s="4">
        <v>2.4875621890547261</v>
      </c>
      <c r="G24" s="4">
        <v>1.6884908789386399</v>
      </c>
      <c r="H24" s="5">
        <v>24243.107262569825</v>
      </c>
      <c r="I24" s="5">
        <v>641.85155626496396</v>
      </c>
      <c r="J24" s="5">
        <v>40934.265489980251</v>
      </c>
      <c r="K24" s="4">
        <v>40.934265489980248</v>
      </c>
      <c r="L24" s="4">
        <v>32.099123666128598</v>
      </c>
      <c r="M24" s="5">
        <v>1083.7604983859628</v>
      </c>
      <c r="N24" s="4">
        <v>1.0837604983859628</v>
      </c>
      <c r="O24" s="4">
        <v>1.3805013861091329</v>
      </c>
    </row>
    <row r="25" spans="1:15" x14ac:dyDescent="0.25">
      <c r="A25" s="3" t="s">
        <v>11</v>
      </c>
      <c r="B25" s="3">
        <v>24</v>
      </c>
      <c r="C25" s="3">
        <v>25</v>
      </c>
      <c r="D25" s="4">
        <v>9.7479999999999993</v>
      </c>
      <c r="E25" s="4">
        <v>0.63286666666666669</v>
      </c>
      <c r="F25" s="4">
        <v>2.4875621890547261</v>
      </c>
      <c r="G25" s="4">
        <v>1.5742951907131011</v>
      </c>
      <c r="H25" s="5">
        <v>12190.818718509598</v>
      </c>
      <c r="I25" s="5">
        <v>573.89519994101306</v>
      </c>
      <c r="J25" s="5">
        <v>19191.947279404911</v>
      </c>
      <c r="K25" s="4">
        <v>19.191947279404911</v>
      </c>
      <c r="L25" s="4">
        <v>28.226970750111491</v>
      </c>
      <c r="M25" s="5">
        <v>903.48045324047041</v>
      </c>
      <c r="N25" s="4">
        <v>0.90348045324047044</v>
      </c>
      <c r="O25" s="4">
        <v>1.237395106248534</v>
      </c>
    </row>
    <row r="26" spans="1:15" x14ac:dyDescent="0.25">
      <c r="A26" s="3" t="s">
        <v>11</v>
      </c>
      <c r="B26" s="3">
        <v>26</v>
      </c>
      <c r="C26" s="3">
        <v>27</v>
      </c>
      <c r="D26" s="4">
        <v>10.525</v>
      </c>
      <c r="E26" s="4">
        <v>0.70766666666666678</v>
      </c>
      <c r="F26" s="4">
        <v>2.4937655860349128</v>
      </c>
      <c r="G26" s="4">
        <v>1.7647547797173735</v>
      </c>
      <c r="H26" s="5">
        <v>21718.935338345858</v>
      </c>
      <c r="I26" s="5">
        <v>1016.4115017272912</v>
      </c>
      <c r="J26" s="5">
        <v>38328.594948718426</v>
      </c>
      <c r="K26" s="4">
        <v>38.328594948718425</v>
      </c>
      <c r="L26" s="4">
        <v>31.257458009693572</v>
      </c>
      <c r="M26" s="5">
        <v>1793.7170558329506</v>
      </c>
      <c r="N26" s="4">
        <v>1.7937170558329505</v>
      </c>
      <c r="O26" s="4">
        <v>1.4042916911238588</v>
      </c>
    </row>
    <row r="27" spans="1:15" x14ac:dyDescent="0.25">
      <c r="A27" s="3" t="s">
        <v>11</v>
      </c>
      <c r="B27" s="3">
        <v>28</v>
      </c>
      <c r="C27" s="3">
        <v>29</v>
      </c>
      <c r="D27" s="4">
        <v>11.315</v>
      </c>
      <c r="E27" s="4">
        <v>0.80460000000000009</v>
      </c>
      <c r="F27" s="4">
        <v>2.4875621890547261</v>
      </c>
      <c r="G27" s="4">
        <v>2.0014925373134327</v>
      </c>
      <c r="H27" s="5">
        <v>12379.658136517</v>
      </c>
      <c r="I27" s="5">
        <v>363.20866856994553</v>
      </c>
      <c r="J27" s="5">
        <v>24777.793374730292</v>
      </c>
      <c r="K27" s="4">
        <v>24.777793374730294</v>
      </c>
      <c r="L27" s="4">
        <v>29.313558619204588</v>
      </c>
      <c r="M27" s="5">
        <v>726.9594396302939</v>
      </c>
      <c r="N27" s="4">
        <v>0.72695943963029386</v>
      </c>
      <c r="O27" s="4">
        <v>1.2010920156757892</v>
      </c>
    </row>
    <row r="28" spans="1:15" x14ac:dyDescent="0.25">
      <c r="A28" s="3" t="s">
        <v>11</v>
      </c>
      <c r="B28" s="3">
        <v>30</v>
      </c>
      <c r="C28" s="3">
        <v>31</v>
      </c>
      <c r="D28" s="4">
        <v>12.083</v>
      </c>
      <c r="E28" s="4">
        <v>0.72053333333333336</v>
      </c>
      <c r="F28" s="4">
        <v>2.4875621890547261</v>
      </c>
      <c r="G28" s="4">
        <v>1.7923714759535654</v>
      </c>
      <c r="H28" s="5">
        <v>15927.921884043513</v>
      </c>
      <c r="I28" s="5">
        <v>767.44087416425509</v>
      </c>
      <c r="J28" s="5">
        <v>28548.752856176165</v>
      </c>
      <c r="K28" s="4">
        <v>28.548752856176165</v>
      </c>
      <c r="L28" s="4">
        <v>29.084116890296059</v>
      </c>
      <c r="M28" s="5">
        <v>1375.5391323328804</v>
      </c>
      <c r="N28" s="4">
        <v>1.3755391323328805</v>
      </c>
      <c r="O28" s="4">
        <v>1.2534261506729165</v>
      </c>
    </row>
    <row r="29" spans="1:15" x14ac:dyDescent="0.25">
      <c r="A29" s="3" t="s">
        <v>11</v>
      </c>
      <c r="B29" s="3">
        <v>32</v>
      </c>
      <c r="C29" s="3">
        <v>33</v>
      </c>
      <c r="D29" s="4">
        <v>12.47</v>
      </c>
      <c r="E29" s="4">
        <v>0.60860000000000003</v>
      </c>
      <c r="F29" s="4">
        <v>2.1551724137931032</v>
      </c>
      <c r="G29" s="4">
        <v>1.3116379310344828</v>
      </c>
      <c r="H29" s="5">
        <v>11236.34842933377</v>
      </c>
      <c r="I29" s="5">
        <v>258.25598283545139</v>
      </c>
      <c r="J29" s="5">
        <v>14738.020806233906</v>
      </c>
      <c r="K29" s="4">
        <v>14.738020806233907</v>
      </c>
      <c r="L29" s="4">
        <v>24.780288065077414</v>
      </c>
      <c r="M29" s="5">
        <v>338.73834300356839</v>
      </c>
      <c r="N29" s="4">
        <v>0.33873834300356837</v>
      </c>
      <c r="O29" s="4">
        <v>0.979019808372112</v>
      </c>
    </row>
    <row r="30" spans="1:15" x14ac:dyDescent="0.25">
      <c r="A30" s="3" t="s">
        <v>11</v>
      </c>
      <c r="B30" s="3">
        <v>34</v>
      </c>
      <c r="C30" s="3">
        <v>35</v>
      </c>
      <c r="D30" s="4">
        <v>12.515000000000001</v>
      </c>
      <c r="E30" s="4">
        <v>0.72026666666666672</v>
      </c>
      <c r="F30" s="4">
        <v>2.150537634408602</v>
      </c>
      <c r="G30" s="4">
        <v>1.5489605734767025</v>
      </c>
      <c r="H30" s="5">
        <v>10823.787467311799</v>
      </c>
      <c r="I30" s="5">
        <v>597.4903387927659</v>
      </c>
      <c r="J30" s="5">
        <v>16765.620042557228</v>
      </c>
      <c r="K30" s="4">
        <v>16.765620042557227</v>
      </c>
      <c r="L30" s="4">
        <v>22.375887658321357</v>
      </c>
      <c r="M30" s="5">
        <v>925.48897782323195</v>
      </c>
      <c r="N30" s="4">
        <v>0.92548897782323192</v>
      </c>
      <c r="O30" s="4">
        <v>0.96296055920744794</v>
      </c>
    </row>
    <row r="31" spans="1:15" x14ac:dyDescent="0.25">
      <c r="A31" s="3" t="s">
        <v>11</v>
      </c>
      <c r="B31" s="3">
        <v>36</v>
      </c>
      <c r="C31" s="3">
        <v>37</v>
      </c>
      <c r="D31" s="4">
        <v>13.474</v>
      </c>
      <c r="E31" s="4">
        <v>0.70866666666666667</v>
      </c>
      <c r="F31" s="4">
        <v>2.150537634408602</v>
      </c>
      <c r="G31" s="4">
        <v>1.5240143369175627</v>
      </c>
      <c r="H31" s="5">
        <v>7415.3961479836507</v>
      </c>
      <c r="I31" s="5">
        <v>463.07732296976735</v>
      </c>
      <c r="J31" s="5">
        <v>11301.170043450353</v>
      </c>
      <c r="K31" s="4">
        <v>11.301170043450353</v>
      </c>
      <c r="L31" s="4">
        <v>19.053472373860053</v>
      </c>
      <c r="M31" s="5">
        <v>705.73647930733</v>
      </c>
      <c r="N31" s="4">
        <v>0.70573647930732997</v>
      </c>
      <c r="O31" s="4">
        <v>0.88579333523741244</v>
      </c>
    </row>
    <row r="32" spans="1:15" x14ac:dyDescent="0.25">
      <c r="A32" s="3" t="s">
        <v>11</v>
      </c>
      <c r="B32" s="3">
        <v>38</v>
      </c>
      <c r="C32" s="3">
        <v>39</v>
      </c>
      <c r="D32" s="4">
        <v>14.621</v>
      </c>
      <c r="E32" s="4">
        <v>0.7466666666666667</v>
      </c>
      <c r="F32" s="4">
        <v>2.150537634408602</v>
      </c>
      <c r="G32" s="4">
        <v>1.6057347670250897</v>
      </c>
      <c r="H32" s="5">
        <v>10701.059020198474</v>
      </c>
      <c r="I32" s="5">
        <v>350.26941377317058</v>
      </c>
      <c r="J32" s="5">
        <v>17183.062512720131</v>
      </c>
      <c r="K32" s="4">
        <v>17.183062512720131</v>
      </c>
      <c r="L32" s="4">
        <v>18.492349415518078</v>
      </c>
      <c r="M32" s="5">
        <v>562.43977552107685</v>
      </c>
      <c r="N32" s="4">
        <v>0.56243977552107682</v>
      </c>
      <c r="O32" s="4">
        <v>0.7887872673225117</v>
      </c>
    </row>
    <row r="33" spans="1:15" x14ac:dyDescent="0.25">
      <c r="A33" s="3" t="s">
        <v>11</v>
      </c>
      <c r="B33" s="3">
        <v>40</v>
      </c>
      <c r="C33" s="3">
        <v>41</v>
      </c>
      <c r="D33" s="4">
        <v>15.579000000000001</v>
      </c>
      <c r="E33" s="4">
        <v>0.62619999999999998</v>
      </c>
      <c r="F33" s="4">
        <v>4.4642857142857144</v>
      </c>
      <c r="G33" s="4">
        <v>2.7955357142857142</v>
      </c>
      <c r="H33" s="5">
        <v>8944.8695615288507</v>
      </c>
      <c r="I33" s="5">
        <v>629.02235143539428</v>
      </c>
      <c r="J33" s="5">
        <v>25005.7023188811</v>
      </c>
      <c r="K33" s="4">
        <v>25.005702318881099</v>
      </c>
      <c r="L33" s="4">
        <v>20.44635528652698</v>
      </c>
      <c r="M33" s="5">
        <v>1758.4544485216245</v>
      </c>
      <c r="N33" s="4">
        <v>1.7584544485216245</v>
      </c>
      <c r="O33" s="4">
        <v>1.0796874216822454</v>
      </c>
    </row>
    <row r="34" spans="1:15" x14ac:dyDescent="0.25">
      <c r="A34" s="3" t="s">
        <v>11</v>
      </c>
      <c r="B34" s="3">
        <v>42</v>
      </c>
      <c r="C34" s="3">
        <v>43</v>
      </c>
      <c r="D34" s="4">
        <v>16.073</v>
      </c>
      <c r="E34" s="4">
        <v>0.75946666666666662</v>
      </c>
      <c r="F34" s="4">
        <v>4.4642857142857144</v>
      </c>
      <c r="G34" s="4">
        <v>3.3904761904761904</v>
      </c>
      <c r="H34" s="5">
        <v>15376.565575635032</v>
      </c>
      <c r="I34" s="5">
        <v>837.79565272336674</v>
      </c>
      <c r="J34" s="5">
        <v>52133.879475486392</v>
      </c>
      <c r="K34" s="4">
        <v>52.133879475486395</v>
      </c>
      <c r="L34" s="4">
        <v>29.952612543214805</v>
      </c>
      <c r="M34" s="5">
        <v>2840.5262130430337</v>
      </c>
      <c r="N34" s="4">
        <v>2.8405262130430335</v>
      </c>
      <c r="O34" s="4">
        <v>1.6079390590904818</v>
      </c>
    </row>
    <row r="35" spans="1:15" x14ac:dyDescent="0.25">
      <c r="A35" s="3" t="s">
        <v>11</v>
      </c>
      <c r="B35" s="3">
        <v>44</v>
      </c>
      <c r="C35" s="3">
        <v>45</v>
      </c>
      <c r="D35" s="4">
        <v>16.073</v>
      </c>
      <c r="E35" s="4">
        <v>0.68653333333333333</v>
      </c>
      <c r="F35" s="4">
        <v>4.4444444444444446</v>
      </c>
      <c r="G35" s="4">
        <v>3.0512592592592593</v>
      </c>
      <c r="H35" s="5">
        <v>15786.954390535109</v>
      </c>
      <c r="I35" s="5">
        <v>307.86822967545856</v>
      </c>
      <c r="J35" s="5">
        <v>48170.090759623869</v>
      </c>
      <c r="K35" s="4">
        <v>48.170090759623868</v>
      </c>
      <c r="L35" s="4">
        <v>35.41785600813752</v>
      </c>
      <c r="M35" s="5">
        <v>939.38578642899927</v>
      </c>
      <c r="N35" s="4">
        <v>0.93938578642899928</v>
      </c>
      <c r="O35" s="4">
        <v>1.407373077292037</v>
      </c>
    </row>
    <row r="36" spans="1:15" x14ac:dyDescent="0.25">
      <c r="A36" s="3" t="s">
        <v>11</v>
      </c>
      <c r="B36" s="3">
        <v>46</v>
      </c>
      <c r="C36" s="3">
        <v>47</v>
      </c>
      <c r="D36" s="4">
        <v>16.504000000000001</v>
      </c>
      <c r="E36" s="4">
        <v>0.70233333333333337</v>
      </c>
      <c r="F36" s="4">
        <v>4.4444444444444446</v>
      </c>
      <c r="G36" s="4">
        <v>3.121481481481482</v>
      </c>
      <c r="H36" s="5">
        <v>17190.357065632837</v>
      </c>
      <c r="I36" s="5">
        <v>584.19050203614086</v>
      </c>
      <c r="J36" s="5">
        <v>53659.381240427254</v>
      </c>
      <c r="K36" s="4">
        <v>53.659381240427251</v>
      </c>
      <c r="L36" s="4">
        <v>40.890313577824436</v>
      </c>
      <c r="M36" s="5">
        <v>1823.5398337631837</v>
      </c>
      <c r="N36" s="4">
        <v>1.8235398337631836</v>
      </c>
      <c r="O36" s="4">
        <v>1.5322231042333809</v>
      </c>
    </row>
    <row r="37" spans="1:15" x14ac:dyDescent="0.25">
      <c r="A37" s="3" t="s">
        <v>11</v>
      </c>
      <c r="B37" s="3">
        <v>48</v>
      </c>
      <c r="C37" s="3">
        <v>49</v>
      </c>
      <c r="D37" s="4">
        <v>16.939</v>
      </c>
      <c r="E37" s="4">
        <v>0.57713333333333339</v>
      </c>
      <c r="F37" s="4">
        <v>4.4642857142857144</v>
      </c>
      <c r="G37" s="4">
        <v>2.5764880952380955</v>
      </c>
      <c r="H37" s="5">
        <v>10333.454726368154</v>
      </c>
      <c r="I37" s="5">
        <v>564.34941084053412</v>
      </c>
      <c r="J37" s="5">
        <v>26624.023085169381</v>
      </c>
      <c r="K37" s="4">
        <v>26.62402308516938</v>
      </c>
      <c r="L37" s="4">
        <v>36.610426430027914</v>
      </c>
      <c r="M37" s="5">
        <v>1454.0395385852692</v>
      </c>
      <c r="N37" s="4">
        <v>1.4540395385852691</v>
      </c>
      <c r="O37" s="4">
        <v>1.5087680345389474</v>
      </c>
    </row>
    <row r="38" spans="1:15" x14ac:dyDescent="0.25">
      <c r="A38" s="3" t="s">
        <v>11</v>
      </c>
      <c r="B38" s="3">
        <v>50</v>
      </c>
      <c r="C38" s="3">
        <v>51</v>
      </c>
      <c r="D38" s="4">
        <v>17.376000000000001</v>
      </c>
      <c r="E38" s="4">
        <v>0.71226666666666671</v>
      </c>
      <c r="F38" s="4">
        <v>4.6082949308755756</v>
      </c>
      <c r="G38" s="4">
        <v>3.2823348694316437</v>
      </c>
      <c r="H38" s="5">
        <v>14002.494204109631</v>
      </c>
      <c r="I38" s="5">
        <v>489.54766738278033</v>
      </c>
      <c r="J38" s="5">
        <v>45960.874985163529</v>
      </c>
      <c r="K38" s="4">
        <v>45.960874985163528</v>
      </c>
      <c r="L38" s="4">
        <v>39.415560996568594</v>
      </c>
      <c r="M38" s="5">
        <v>1606.859378899424</v>
      </c>
      <c r="N38" s="4">
        <v>1.6068593788994239</v>
      </c>
      <c r="O38" s="4">
        <v>1.5381954378470901</v>
      </c>
    </row>
    <row r="39" spans="1:15" x14ac:dyDescent="0.25">
      <c r="A39" s="3" t="s">
        <v>11</v>
      </c>
      <c r="B39" s="3">
        <v>52</v>
      </c>
      <c r="C39" s="3">
        <v>53</v>
      </c>
      <c r="D39" s="4">
        <v>17.812999999999999</v>
      </c>
      <c r="E39" s="4">
        <v>0.73073333333333335</v>
      </c>
      <c r="F39" s="4">
        <v>4.5871559633027523</v>
      </c>
      <c r="G39" s="4">
        <v>3.3519877675840979</v>
      </c>
      <c r="H39" s="5">
        <v>10377.553567298164</v>
      </c>
      <c r="I39" s="5">
        <v>356.23254830017919</v>
      </c>
      <c r="J39" s="5">
        <v>34785.432615032165</v>
      </c>
      <c r="K39" s="4">
        <v>34.785432615032164</v>
      </c>
      <c r="L39" s="4">
        <v>38.026522482107666</v>
      </c>
      <c r="M39" s="5">
        <v>1194.087144317512</v>
      </c>
      <c r="N39" s="4">
        <v>1.1940871443175121</v>
      </c>
      <c r="O39" s="4">
        <v>1.4349629497882166</v>
      </c>
    </row>
    <row r="40" spans="1:15" x14ac:dyDescent="0.25">
      <c r="A40" s="3" t="s">
        <v>11</v>
      </c>
      <c r="B40" s="3">
        <v>54</v>
      </c>
      <c r="C40" s="3">
        <v>55</v>
      </c>
      <c r="D40" s="4">
        <v>18.251000000000001</v>
      </c>
      <c r="E40" s="4">
        <v>0.65926666666666667</v>
      </c>
      <c r="F40" s="4">
        <v>4.5871559633027523</v>
      </c>
      <c r="G40" s="4">
        <v>3.024159021406728</v>
      </c>
      <c r="H40" s="5">
        <v>13861.171734464562</v>
      </c>
      <c r="I40" s="5">
        <v>763.81665530389125</v>
      </c>
      <c r="J40" s="5">
        <v>41918.387548048951</v>
      </c>
      <c r="K40" s="4">
        <v>41.918387548048955</v>
      </c>
      <c r="L40" s="4">
        <v>39.194082001890052</v>
      </c>
      <c r="M40" s="5">
        <v>2309.9030288379759</v>
      </c>
      <c r="N40" s="4">
        <v>2.3099030288379758</v>
      </c>
      <c r="O40" s="4">
        <v>1.6974449735031443</v>
      </c>
    </row>
    <row r="41" spans="1:15" x14ac:dyDescent="0.25">
      <c r="A41" s="3" t="s">
        <v>11</v>
      </c>
      <c r="B41" s="3">
        <v>56</v>
      </c>
      <c r="C41" s="3">
        <v>57</v>
      </c>
      <c r="D41" s="4">
        <v>18.669</v>
      </c>
      <c r="E41" s="4">
        <v>0.63326666666666664</v>
      </c>
      <c r="F41" s="4">
        <v>4.5871559633027523</v>
      </c>
      <c r="G41" s="4">
        <v>2.904892966360856</v>
      </c>
      <c r="H41" s="5">
        <v>10009.27466786088</v>
      </c>
      <c r="I41" s="5">
        <v>223.827745434642</v>
      </c>
      <c r="J41" s="5">
        <v>29075.871581042964</v>
      </c>
      <c r="K41" s="4">
        <v>29.075871581042964</v>
      </c>
      <c r="L41" s="4">
        <v>36.158618875635923</v>
      </c>
      <c r="M41" s="5">
        <v>650.19564338949976</v>
      </c>
      <c r="N41" s="4">
        <v>0.65019564338949976</v>
      </c>
      <c r="O41" s="4">
        <v>1.3832701744690508</v>
      </c>
    </row>
    <row r="42" spans="1:15" x14ac:dyDescent="0.25">
      <c r="A42" s="3" t="s">
        <v>11</v>
      </c>
      <c r="B42" s="3">
        <v>58</v>
      </c>
      <c r="C42" s="3">
        <v>59</v>
      </c>
      <c r="D42" s="4">
        <v>19.097000000000001</v>
      </c>
      <c r="E42" s="4">
        <v>0.71666666666666667</v>
      </c>
      <c r="F42" s="4">
        <v>4.6082949308755756</v>
      </c>
      <c r="G42" s="4">
        <v>3.3026113671274957</v>
      </c>
      <c r="H42" s="5">
        <v>12471.115964424935</v>
      </c>
      <c r="I42" s="5">
        <v>537.6087070193048</v>
      </c>
      <c r="J42" s="5">
        <v>41187.249344874974</v>
      </c>
      <c r="K42" s="4">
        <v>41.187249344874971</v>
      </c>
      <c r="L42" s="4">
        <v>37.667208016407635</v>
      </c>
      <c r="M42" s="5">
        <v>1775.5126268686715</v>
      </c>
      <c r="N42" s="4">
        <v>1.7755126268686716</v>
      </c>
      <c r="O42" s="4">
        <v>1.5009429101889369</v>
      </c>
    </row>
    <row r="43" spans="1:15" x14ac:dyDescent="0.25">
      <c r="A43" s="3" t="s">
        <v>11</v>
      </c>
      <c r="B43" s="3">
        <v>60</v>
      </c>
      <c r="C43" s="3">
        <v>61</v>
      </c>
      <c r="D43" s="4">
        <v>19.527999999999999</v>
      </c>
      <c r="E43" s="4">
        <v>0.75666666666666671</v>
      </c>
      <c r="F43" s="4">
        <v>4.7393364928909953</v>
      </c>
      <c r="G43" s="4">
        <v>3.58609794628752</v>
      </c>
      <c r="H43" s="5">
        <v>15404.858063245007</v>
      </c>
      <c r="I43" s="5">
        <v>529.38380455127583</v>
      </c>
      <c r="J43" s="5">
        <v>55243.329863453662</v>
      </c>
      <c r="K43" s="4">
        <v>55.24332986345366</v>
      </c>
      <c r="L43" s="4">
        <v>42.940044570521437</v>
      </c>
      <c r="M43" s="5">
        <v>1898.4221742992042</v>
      </c>
      <c r="N43" s="4">
        <v>1.8984221742992042</v>
      </c>
      <c r="O43" s="4">
        <v>1.6201866894220169</v>
      </c>
    </row>
    <row r="44" spans="1:15" x14ac:dyDescent="0.25">
      <c r="A44" s="3" t="s">
        <v>11</v>
      </c>
      <c r="B44" s="3">
        <v>62</v>
      </c>
      <c r="C44" s="3">
        <v>63</v>
      </c>
      <c r="D44" s="4">
        <v>19.962</v>
      </c>
      <c r="E44" s="4">
        <v>0.7400000000000001</v>
      </c>
      <c r="F44" s="4">
        <v>4.7393364928909953</v>
      </c>
      <c r="G44" s="4">
        <v>3.5071090047393372</v>
      </c>
      <c r="H44" s="5">
        <v>11028.483248165012</v>
      </c>
      <c r="I44" s="5">
        <v>398.47646566942296</v>
      </c>
      <c r="J44" s="5">
        <v>38678.092908256447</v>
      </c>
      <c r="K44" s="4">
        <v>38.678092908256446</v>
      </c>
      <c r="L44" s="4">
        <v>41.661459071841939</v>
      </c>
      <c r="M44" s="5">
        <v>1397.5004009259387</v>
      </c>
      <c r="N44" s="4">
        <v>1.3975004009259386</v>
      </c>
      <c r="O44" s="4">
        <v>1.5533808028731935</v>
      </c>
    </row>
    <row r="45" spans="1:15" x14ac:dyDescent="0.25">
      <c r="A45" s="3" t="s">
        <v>11</v>
      </c>
      <c r="B45" s="3">
        <v>64</v>
      </c>
      <c r="C45" s="3">
        <v>65</v>
      </c>
      <c r="D45" s="4">
        <v>20.396999999999998</v>
      </c>
      <c r="E45" s="4">
        <v>0.56193333333333328</v>
      </c>
      <c r="F45" s="4">
        <v>4.7393364928909953</v>
      </c>
      <c r="G45" s="4">
        <v>2.6631911532385466</v>
      </c>
      <c r="H45" s="5">
        <v>10152.092929749262</v>
      </c>
      <c r="I45" s="5">
        <v>268.30788344251187</v>
      </c>
      <c r="J45" s="5">
        <v>27036.964077363831</v>
      </c>
      <c r="K45" s="4">
        <v>27.03696407736383</v>
      </c>
      <c r="L45" s="4">
        <v>37.274110573498504</v>
      </c>
      <c r="M45" s="5">
        <v>714.55518152825675</v>
      </c>
      <c r="N45" s="4">
        <v>0.7145551815282567</v>
      </c>
      <c r="O45" s="4">
        <v>1.3017331164697123</v>
      </c>
    </row>
    <row r="46" spans="1:15" x14ac:dyDescent="0.25">
      <c r="A46" s="3" t="s">
        <v>11</v>
      </c>
      <c r="B46" s="3">
        <v>66</v>
      </c>
      <c r="C46" s="3">
        <v>67</v>
      </c>
      <c r="D46" s="4">
        <v>20.832000000000001</v>
      </c>
      <c r="E46" s="4">
        <v>0.73186666666666678</v>
      </c>
      <c r="F46" s="4">
        <v>4.7393364928909953</v>
      </c>
      <c r="G46" s="4">
        <v>3.4685624012638234</v>
      </c>
      <c r="H46" s="5">
        <v>16348.848722004446</v>
      </c>
      <c r="I46" s="5">
        <v>1092.1811796529353</v>
      </c>
      <c r="J46" s="5">
        <v>56707.001981094734</v>
      </c>
      <c r="K46" s="4">
        <v>56.707001981094734</v>
      </c>
      <c r="L46" s="4">
        <v>43.10397799577737</v>
      </c>
      <c r="M46" s="5">
        <v>3788.2985751121405</v>
      </c>
      <c r="N46" s="4">
        <v>3.7882985751121403</v>
      </c>
      <c r="O46" s="4">
        <v>2.0477027540624406</v>
      </c>
    </row>
    <row r="47" spans="1:15" x14ac:dyDescent="0.25">
      <c r="A47" s="3" t="s">
        <v>11</v>
      </c>
      <c r="B47" s="3">
        <v>68</v>
      </c>
      <c r="C47" s="3">
        <v>69</v>
      </c>
      <c r="D47" s="4">
        <v>21.260999999999999</v>
      </c>
      <c r="E47" s="4">
        <v>0.76126666666666665</v>
      </c>
      <c r="F47" s="4">
        <v>4.7393364928909953</v>
      </c>
      <c r="G47" s="4">
        <v>3.6078988941548182</v>
      </c>
      <c r="H47" s="5">
        <v>20813.145878709111</v>
      </c>
      <c r="I47" s="5">
        <v>685.69397094354565</v>
      </c>
      <c r="J47" s="5">
        <v>75091.72599967751</v>
      </c>
      <c r="K47" s="4">
        <v>75.091725999677507</v>
      </c>
      <c r="L47" s="4">
        <v>52.700302396947407</v>
      </c>
      <c r="M47" s="5">
        <v>2473.9145194958446</v>
      </c>
      <c r="N47" s="4">
        <v>2.4739145194958447</v>
      </c>
      <c r="O47" s="4">
        <v>2.1755662836924619</v>
      </c>
    </row>
    <row r="48" spans="1:15" x14ac:dyDescent="0.25">
      <c r="A48" s="3" t="s">
        <v>11</v>
      </c>
      <c r="B48" s="3">
        <v>70</v>
      </c>
      <c r="C48" s="3">
        <v>71</v>
      </c>
      <c r="D48" s="4">
        <v>21.693000000000001</v>
      </c>
      <c r="E48" s="4">
        <v>0.7291333333333333</v>
      </c>
      <c r="F48" s="4">
        <v>4.5871559633027523</v>
      </c>
      <c r="G48" s="4">
        <v>3.3446483180428133</v>
      </c>
      <c r="H48" s="5">
        <v>15843.425116324626</v>
      </c>
      <c r="I48" s="5">
        <v>1110.1222706568055</v>
      </c>
      <c r="J48" s="5">
        <v>52990.685167352422</v>
      </c>
      <c r="K48" s="4">
        <v>52.990685167352424</v>
      </c>
      <c r="L48" s="4">
        <v>52.787417228068911</v>
      </c>
      <c r="M48" s="5">
        <v>3712.9685853741535</v>
      </c>
      <c r="N48" s="4">
        <v>3.7129685853741536</v>
      </c>
      <c r="O48" s="4">
        <v>2.6367869741969692</v>
      </c>
    </row>
    <row r="49" spans="1:15" x14ac:dyDescent="0.25">
      <c r="A49" s="3" t="s">
        <v>11</v>
      </c>
      <c r="B49" s="3">
        <v>72</v>
      </c>
      <c r="C49" s="3">
        <v>73</v>
      </c>
      <c r="D49" s="4">
        <v>22.13</v>
      </c>
      <c r="E49" s="4">
        <v>0.54346666666666665</v>
      </c>
      <c r="F49" s="4">
        <v>4.5871559633027523</v>
      </c>
      <c r="G49" s="4">
        <v>2.4929663608562689</v>
      </c>
      <c r="H49" s="5">
        <v>9479.5366285093351</v>
      </c>
      <c r="I49" s="5">
        <v>460.48871705455741</v>
      </c>
      <c r="J49" s="5">
        <v>23632.165931378622</v>
      </c>
      <c r="K49" s="4">
        <v>23.632165931378623</v>
      </c>
      <c r="L49" s="4">
        <v>44.040841839061819</v>
      </c>
      <c r="M49" s="5">
        <v>1147.9828811708721</v>
      </c>
      <c r="N49" s="4">
        <v>1.1479828811708721</v>
      </c>
      <c r="O49" s="4">
        <v>2.19014574628914</v>
      </c>
    </row>
    <row r="50" spans="1:15" x14ac:dyDescent="0.25">
      <c r="A50" s="3" t="s">
        <v>11</v>
      </c>
      <c r="B50" s="9">
        <v>74</v>
      </c>
      <c r="C50" s="9">
        <v>75</v>
      </c>
      <c r="D50" s="4">
        <v>22.573</v>
      </c>
      <c r="E50" s="4">
        <v>0.77879999999999994</v>
      </c>
      <c r="F50" s="4">
        <v>4.5871559633027523</v>
      </c>
      <c r="G50" s="4">
        <v>3.5724770642201831</v>
      </c>
      <c r="H50" s="5">
        <v>15966.200443074717</v>
      </c>
      <c r="I50" s="5">
        <v>919.2434330492398</v>
      </c>
      <c r="J50" s="5">
        <v>57038.884885626547</v>
      </c>
      <c r="K50" s="4">
        <v>57.038884885626544</v>
      </c>
      <c r="L50" s="4">
        <v>47.940254753031233</v>
      </c>
      <c r="M50" s="5">
        <v>3283.9760810034304</v>
      </c>
      <c r="N50" s="4">
        <v>3.2839760810034302</v>
      </c>
      <c r="O50" s="4">
        <v>2.518294846703427</v>
      </c>
    </row>
    <row r="51" spans="1:15" x14ac:dyDescent="0.25">
      <c r="A51" s="3" t="s">
        <v>11</v>
      </c>
      <c r="B51" s="9">
        <v>76</v>
      </c>
      <c r="C51" s="9">
        <v>77</v>
      </c>
      <c r="D51" s="4">
        <v>23.013999999999999</v>
      </c>
      <c r="E51" s="4">
        <v>0.77206666666666657</v>
      </c>
      <c r="F51" s="4">
        <v>4.5662100456620998</v>
      </c>
      <c r="G51" s="4">
        <v>3.5254185692541848</v>
      </c>
      <c r="H51" s="5">
        <v>20197.616269877744</v>
      </c>
      <c r="I51" s="5">
        <v>641.70383307289262</v>
      </c>
      <c r="J51" s="5">
        <v>71205.051452497442</v>
      </c>
      <c r="K51" s="4">
        <v>71.205051452497443</v>
      </c>
      <c r="L51" s="4">
        <v>54.919693762871091</v>
      </c>
      <c r="M51" s="5">
        <v>2262.2746090767632</v>
      </c>
      <c r="N51" s="4">
        <v>2.2622746090767634</v>
      </c>
      <c r="O51" s="4">
        <v>2.4414887754154275</v>
      </c>
    </row>
    <row r="52" spans="1:15" x14ac:dyDescent="0.25">
      <c r="G52" s="8"/>
    </row>
    <row r="53" spans="1:15" x14ac:dyDescent="0.25">
      <c r="G53" s="8"/>
    </row>
    <row r="54" spans="1:15" x14ac:dyDescent="0.25">
      <c r="G54" s="8"/>
    </row>
    <row r="55" spans="1:15" x14ac:dyDescent="0.25">
      <c r="G55" s="8"/>
    </row>
    <row r="56" spans="1:15" x14ac:dyDescent="0.25">
      <c r="G56" s="8"/>
    </row>
    <row r="57" spans="1:15" x14ac:dyDescent="0.25">
      <c r="G57" s="8"/>
    </row>
    <row r="58" spans="1:15" x14ac:dyDescent="0.25">
      <c r="G58" s="8"/>
    </row>
    <row r="59" spans="1:15" x14ac:dyDescent="0.25">
      <c r="G59" s="8"/>
    </row>
    <row r="60" spans="1:15" x14ac:dyDescent="0.25">
      <c r="G60" s="8"/>
    </row>
    <row r="61" spans="1:15" x14ac:dyDescent="0.25">
      <c r="G61" s="8"/>
    </row>
    <row r="62" spans="1:15" x14ac:dyDescent="0.25">
      <c r="G62" s="8"/>
    </row>
    <row r="63" spans="1:15" x14ac:dyDescent="0.25">
      <c r="G63" s="8"/>
    </row>
    <row r="64" spans="1:15" x14ac:dyDescent="0.25">
      <c r="G64" s="8"/>
    </row>
    <row r="65" spans="7:7" x14ac:dyDescent="0.25">
      <c r="G65" s="8"/>
    </row>
    <row r="66" spans="7:7" x14ac:dyDescent="0.25">
      <c r="G66" s="8"/>
    </row>
    <row r="67" spans="7:7" x14ac:dyDescent="0.25">
      <c r="G67" s="8"/>
    </row>
    <row r="68" spans="7:7" x14ac:dyDescent="0.25">
      <c r="G68" s="8"/>
    </row>
    <row r="69" spans="7:7" x14ac:dyDescent="0.25">
      <c r="G69" s="8"/>
    </row>
    <row r="70" spans="7:7" x14ac:dyDescent="0.25">
      <c r="G70" s="8"/>
    </row>
    <row r="71" spans="7:7" x14ac:dyDescent="0.25">
      <c r="G71" s="8"/>
    </row>
    <row r="72" spans="7:7" x14ac:dyDescent="0.25">
      <c r="G72" s="8"/>
    </row>
    <row r="73" spans="7:7" x14ac:dyDescent="0.25">
      <c r="G73" s="8"/>
    </row>
    <row r="74" spans="7:7" x14ac:dyDescent="0.25">
      <c r="G74" s="8"/>
    </row>
    <row r="75" spans="7:7" x14ac:dyDescent="0.25">
      <c r="G75" s="8"/>
    </row>
    <row r="76" spans="7:7" x14ac:dyDescent="0.25">
      <c r="G76" s="8"/>
    </row>
    <row r="77" spans="7:7" x14ac:dyDescent="0.25">
      <c r="G77" s="8"/>
    </row>
    <row r="78" spans="7:7" x14ac:dyDescent="0.25">
      <c r="G78" s="8"/>
    </row>
    <row r="79" spans="7:7" x14ac:dyDescent="0.25">
      <c r="G79" s="8"/>
    </row>
    <row r="80" spans="7:7" x14ac:dyDescent="0.25">
      <c r="G80" s="8"/>
    </row>
    <row r="81" spans="7:7" x14ac:dyDescent="0.25">
      <c r="G81" s="8"/>
    </row>
  </sheetData>
  <mergeCells count="12">
    <mergeCell ref="A8:C8"/>
    <mergeCell ref="D3:E3"/>
    <mergeCell ref="D4:E4"/>
    <mergeCell ref="D5:E5"/>
    <mergeCell ref="D6:E6"/>
    <mergeCell ref="D7:E7"/>
    <mergeCell ref="D8:E8"/>
    <mergeCell ref="A3:C3"/>
    <mergeCell ref="A4:C4"/>
    <mergeCell ref="A5:C5"/>
    <mergeCell ref="A6:C6"/>
    <mergeCell ref="A7:C7"/>
  </mergeCells>
  <pageMargins left="0.7" right="0.7" top="0.75" bottom="0.75" header="0.3" footer="0.3"/>
  <pageSetup paperSize="9" orientation="portrait" horizontalDpi="0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upplementary Material 1 FAR an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2-11-02T09:58:30Z</dcterms:created>
  <dcterms:modified xsi:type="dcterms:W3CDTF">2023-01-04T03:47:17Z</dcterms:modified>
</cp:coreProperties>
</file>